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99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7-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7-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almere/"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7C7DB6A1-55F7-3D40-FEC9-FF906BFBB73B}"/>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13127" y="5185901"/>
            <a:ext cx="2421745" cy="1099472"/>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392152F2-A494-CDD8-6AD5-ED52ED657C5B}"/>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85471" y="4470400"/>
            <a:ext cx="1891666" cy="858816"/>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2</cp:revision>
  <dcterms:created xsi:type="dcterms:W3CDTF">2019-07-30T10:24:44Z</dcterms:created>
  <dcterms:modified xsi:type="dcterms:W3CDTF">2024-07-01T11:42:29Z</dcterms:modified>
</cp:coreProperties>
</file>